
<file path=[Content_Types].xml><?xml version="1.0" encoding="utf-8"?>
<Types xmlns="http://schemas.openxmlformats.org/package/2006/content-types"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heme/theme2.xml" ContentType="application/vnd.openxmlformats-officedocument.them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notesSlides/notesSlide1.xml" ContentType="application/vnd.openxmlformats-officedocument.presentationml.notesSlide+xml"/>
  <Override PartName="/ppt/tags/tag16.xml" ContentType="application/vnd.openxmlformats-officedocument.presentationml.tags+xml"/>
  <Override PartName="/ppt/notesSlides/notesSlide2.xml" ContentType="application/vnd.openxmlformats-officedocument.presentationml.notesSlide+xml"/>
  <Override PartName="/ppt/tags/tag17.xml" ContentType="application/vnd.openxmlformats-officedocument.presentationml.tags+xml"/>
  <Override PartName="/ppt/notesSlides/notesSlide3.xml" ContentType="application/vnd.openxmlformats-officedocument.presentationml.notesSlide+xml"/>
  <Override PartName="/ppt/tags/tag18.xml" ContentType="application/vnd.openxmlformats-officedocument.presentationml.tags+xml"/>
  <Override PartName="/ppt/notesSlides/notesSlide4.xml" ContentType="application/vnd.openxmlformats-officedocument.presentationml.notesSlide+xml"/>
  <Override PartName="/ppt/tags/tag19.xml" ContentType="application/vnd.openxmlformats-officedocument.presentationml.tags+xml"/>
  <Override PartName="/ppt/notesSlides/notesSlide5.xml" ContentType="application/vnd.openxmlformats-officedocument.presentationml.notesSlide+xml"/>
  <Override PartName="/ppt/tags/tag20.xml" ContentType="application/vnd.openxmlformats-officedocument.presentationml.tags+xml"/>
  <Override PartName="/ppt/notesSlides/notesSlide6.xml" ContentType="application/vnd.openxmlformats-officedocument.presentationml.notesSlide+xml"/>
  <Override PartName="/ppt/tags/tag21.xml" ContentType="application/vnd.openxmlformats-officedocument.presentationml.tags+xml"/>
  <Override PartName="/ppt/notesSlides/notesSlide7.xml" ContentType="application/vnd.openxmlformats-officedocument.presentationml.notesSlide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5"/>
  </p:sldMasterIdLst>
  <p:notesMasterIdLst>
    <p:notesMasterId r:id="rId18"/>
  </p:notesMasterIdLst>
  <p:sldIdLst>
    <p:sldId id="257" r:id="rId6"/>
    <p:sldId id="269" r:id="rId7"/>
    <p:sldId id="256" r:id="rId8"/>
    <p:sldId id="270" r:id="rId9"/>
    <p:sldId id="272" r:id="rId10"/>
    <p:sldId id="273" r:id="rId11"/>
    <p:sldId id="274" r:id="rId12"/>
    <p:sldId id="276" r:id="rId13"/>
    <p:sldId id="275" r:id="rId14"/>
    <p:sldId id="277" r:id="rId15"/>
    <p:sldId id="271" r:id="rId16"/>
    <p:sldId id="267" r:id="rId17"/>
  </p:sldIdLst>
  <p:sldSz cx="14630400" cy="8229600"/>
  <p:notesSz cx="6858000" cy="9144000"/>
  <p:custDataLst>
    <p:tags r:id="rId19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202" userDrawn="1">
          <p15:clr>
            <a:srgbClr val="A4A3A4"/>
          </p15:clr>
        </p15:guide>
        <p15:guide id="2" orient="horz" pos="1405" userDrawn="1">
          <p15:clr>
            <a:srgbClr val="A4A3A4"/>
          </p15:clr>
        </p15:guide>
        <p15:guide id="3" orient="horz" pos="2716" userDrawn="1">
          <p15:clr>
            <a:srgbClr val="A4A3A4"/>
          </p15:clr>
        </p15:guide>
        <p15:guide id="4" orient="horz" pos="3082" userDrawn="1">
          <p15:clr>
            <a:srgbClr val="A4A3A4"/>
          </p15:clr>
        </p15:guide>
        <p15:guide id="5" orient="horz" pos="4393" userDrawn="1">
          <p15:clr>
            <a:srgbClr val="A4A3A4"/>
          </p15:clr>
        </p15:guide>
        <p15:guide id="6" orient="horz" pos="4543" userDrawn="1">
          <p15:clr>
            <a:srgbClr val="A4A3A4"/>
          </p15:clr>
        </p15:guide>
        <p15:guide id="7" pos="438" userDrawn="1">
          <p15:clr>
            <a:srgbClr val="A4A3A4"/>
          </p15:clr>
        </p15:guide>
        <p15:guide id="8" pos="4360" userDrawn="1">
          <p15:clr>
            <a:srgbClr val="A4A3A4"/>
          </p15:clr>
        </p15:guide>
        <p15:guide id="9" pos="4858" userDrawn="1">
          <p15:clr>
            <a:srgbClr val="A4A3A4"/>
          </p15:clr>
        </p15:guide>
        <p15:guide id="10" pos="8784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4993" autoAdjust="0"/>
    <p:restoredTop sz="88221" autoAdjust="0"/>
  </p:normalViewPr>
  <p:slideViewPr>
    <p:cSldViewPr snapToGrid="0" snapToObjects="1">
      <p:cViewPr varScale="1">
        <p:scale>
          <a:sx n="77" d="100"/>
          <a:sy n="77" d="100"/>
        </p:scale>
        <p:origin x="87" y="156"/>
      </p:cViewPr>
      <p:guideLst>
        <p:guide orient="horz" pos="1202"/>
        <p:guide orient="horz" pos="1405"/>
        <p:guide orient="horz" pos="2716"/>
        <p:guide orient="horz" pos="3082"/>
        <p:guide orient="horz" pos="4393"/>
        <p:guide orient="horz" pos="4543"/>
        <p:guide pos="438"/>
        <p:guide pos="4360"/>
        <p:guide pos="4858"/>
        <p:guide pos="8784"/>
      </p:guideLst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 snapToObjects="1">
      <p:cViewPr varScale="1">
        <p:scale>
          <a:sx n="54" d="100"/>
          <a:sy n="54" d="100"/>
        </p:scale>
        <p:origin x="3108" y="96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3.xml"/><Relationship Id="rId13" Type="http://schemas.openxmlformats.org/officeDocument/2006/relationships/slide" Target="slides/slide8.xml"/><Relationship Id="rId18" Type="http://schemas.openxmlformats.org/officeDocument/2006/relationships/notesMaster" Target="notesMasters/notesMaster1.xml"/><Relationship Id="rId3" Type="http://schemas.openxmlformats.org/officeDocument/2006/relationships/customXml" Target="../customXml/item3.xml"/><Relationship Id="rId21" Type="http://schemas.openxmlformats.org/officeDocument/2006/relationships/viewProps" Target="viewProps.xml"/><Relationship Id="rId7" Type="http://schemas.openxmlformats.org/officeDocument/2006/relationships/slide" Target="slides/slide2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" Type="http://schemas.openxmlformats.org/officeDocument/2006/relationships/customXml" Target="../customXml/item2.xml"/><Relationship Id="rId16" Type="http://schemas.openxmlformats.org/officeDocument/2006/relationships/slide" Target="slides/slide11.xml"/><Relationship Id="rId20" Type="http://schemas.openxmlformats.org/officeDocument/2006/relationships/presProps" Target="presProps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5" Type="http://schemas.openxmlformats.org/officeDocument/2006/relationships/slideMaster" Target="slideMasters/slideMaster1.xml"/><Relationship Id="rId15" Type="http://schemas.openxmlformats.org/officeDocument/2006/relationships/slide" Target="slides/slide10.xml"/><Relationship Id="rId23" Type="http://schemas.openxmlformats.org/officeDocument/2006/relationships/tableStyles" Target="tableStyles.xml"/><Relationship Id="rId10" Type="http://schemas.openxmlformats.org/officeDocument/2006/relationships/slide" Target="slides/slide5.xml"/><Relationship Id="rId19" Type="http://schemas.openxmlformats.org/officeDocument/2006/relationships/tags" Target="tags/tag1.xml"/><Relationship Id="rId4" Type="http://schemas.openxmlformats.org/officeDocument/2006/relationships/customXml" Target="../customXml/item4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636EFC4-7EEB-4A07-8776-127710F61201}" type="datetimeFigureOut">
              <a:rPr lang="en-US" smtClean="0"/>
              <a:t>10/24/202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EF80429F-8BC2-4A5C-9449-46447D4E71A6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1720233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dirty="0"/>
              <a:t>French </a:t>
            </a:r>
            <a:r>
              <a:rPr lang="en-GB" dirty="0" err="1"/>
              <a:t>uni</a:t>
            </a:r>
            <a:r>
              <a:rPr lang="en-GB" dirty="0"/>
              <a:t> exams in Jan.</a:t>
            </a:r>
            <a:br>
              <a:rPr lang="en-GB" dirty="0"/>
            </a:br>
            <a:r>
              <a:rPr lang="en-GB" dirty="0"/>
              <a:t>53% pro help only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8553284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BDAE390-62BE-EF91-31C4-BA9BA871DB0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BE3C416D-D2CE-F17B-E718-46F811579E74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98C9B4F8-CD73-6715-F9F8-70C1D8E5C8F6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dirty="0"/>
              <a:t>French </a:t>
            </a:r>
            <a:r>
              <a:rPr lang="en-GB" dirty="0" err="1"/>
              <a:t>uni</a:t>
            </a:r>
            <a:r>
              <a:rPr lang="en-GB" dirty="0"/>
              <a:t> exams in Jan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6F7E11E2-E09F-C044-B7F5-DDE7E263789B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2488428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BF02D69-E093-07DC-65D8-C7144162118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1CB34148-73B0-F254-E078-1203E8F4BE31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91FA9B7B-E363-542B-4601-53754526EA66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dirty="0"/>
              <a:t>French </a:t>
            </a:r>
            <a:r>
              <a:rPr lang="en-GB" dirty="0" err="1"/>
              <a:t>uni</a:t>
            </a:r>
            <a:r>
              <a:rPr lang="en-GB" dirty="0"/>
              <a:t> exams in Jan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06D4D465-27D0-AEBB-BADE-5DE4ED102DBB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8854127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E0BB7BA-784F-8A21-D106-866632B8E7A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3E8F1224-CAEF-8E18-B318-68898FDC8FF1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76FADA3C-DEA3-BF7B-7405-04C32E89A052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C7B053F5-CD26-E374-1756-F3E64509FF8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7160153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8492E85-31C7-AC0A-BD2B-A5E7DD908CF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7F56648B-0AA9-BF84-87F6-42549B4E9553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E500C618-0681-1702-0DBC-3D530812903C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4BEF79C-D556-F1D2-F645-641FF5B7331C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04994856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448C727-E758-1017-7A45-37AAD864306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6CAF9DA3-A8E0-F431-1BA8-66C9D20F89AD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2AFC73FA-7CD4-11E7-7F47-7D9FC16DE4D1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4968659F-CC54-1BFE-52E7-19138DC4CDB9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72989935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1200" dirty="0"/>
              <a:t>Meetings remote or in person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1200" dirty="0"/>
              <a:t>Age 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1200" dirty="0"/>
              <a:t>Location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1200" dirty="0"/>
              <a:t> In-between distance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1200" dirty="0"/>
              <a:t>Upgraded form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1200" dirty="0"/>
              <a:t>Reward mechanisms for mentors</a:t>
            </a:r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7502080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694944" y="3306556"/>
            <a:ext cx="13249656" cy="369332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694944" y="923544"/>
            <a:ext cx="13249656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694944" y="3922776"/>
            <a:ext cx="4379976" cy="384048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694944" y="6199632"/>
            <a:ext cx="5989320" cy="969264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694944" y="7232904"/>
            <a:ext cx="13249656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3502152" y="676656"/>
            <a:ext cx="10442448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mplitudeTF" panose="02000506050000020004" pitchFamily="50" charset="0"/>
            </a:endParaRPr>
          </a:p>
        </p:txBody>
      </p:sp>
      <p:sp>
        <p:nvSpPr>
          <p:cNvPr id="9" name="Confidential"/>
          <p:cNvSpPr txBox="1"/>
          <p:nvPr userDrawn="1"/>
        </p:nvSpPr>
        <p:spPr>
          <a:xfrm>
            <a:off x="694944" y="7448897"/>
            <a:ext cx="10442448" cy="217239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mplitudeTF" panose="02000506050000020004" pitchFamily="50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385816" y="3922776"/>
            <a:ext cx="4379976" cy="384048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205218370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717536" y="2231136"/>
            <a:ext cx="6227064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4922856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717536" y="2231136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17536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30758064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13249656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1324965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5296774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13249656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717536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71408527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717536" y="2231136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94944" y="4892040"/>
            <a:ext cx="1324965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090236476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694944" y="1408176"/>
            <a:ext cx="13249656" cy="384048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34317073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103191618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694944" y="2807208"/>
            <a:ext cx="13249656" cy="164592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694944" y="923544"/>
            <a:ext cx="13249656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694944" y="4599432"/>
            <a:ext cx="13249656" cy="438912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694944" y="7214616"/>
            <a:ext cx="13249656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"/>
          <p:cNvSpPr txBox="1"/>
          <p:nvPr userDrawn="1"/>
        </p:nvSpPr>
        <p:spPr>
          <a:xfrm>
            <a:off x="3502152" y="7430608"/>
            <a:ext cx="10442448" cy="217239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7150608" y="7532992"/>
            <a:ext cx="3291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EB6E7F67-F5E7-42E3-B2F2-02C46D838B4A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10632094" y="7443216"/>
            <a:ext cx="3303362" cy="222199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503441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694944" y="484632"/>
            <a:ext cx="13249656" cy="72237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1800" b="0" i="0" dirty="0">
                <a:solidFill>
                  <a:schemeClr val="tx2"/>
                </a:solidFill>
                <a:latin typeface="AmplitudeTF" panose="02000506050000020004" pitchFamily="50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13614446" y="1773936"/>
            <a:ext cx="330155" cy="297389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1300" b="0" i="0" dirty="0">
                <a:solidFill>
                  <a:schemeClr val="tx2"/>
                </a:solidFill>
                <a:latin typeface="AmplitudeTF" panose="02000506050000020004" pitchFamily="50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667512" y="2157984"/>
            <a:ext cx="13249656" cy="5321808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1705890376"/>
      </p:ext>
    </p:extLst>
  </p:cSld>
  <p:clrMapOvr>
    <a:masterClrMapping/>
  </p:clrMapOvr>
  <p:hf sldNum="0"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694944" y="1911096"/>
            <a:ext cx="13249656" cy="5321808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2743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 marL="17373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 marL="338328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 marL="50292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02893150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694944" y="4215384"/>
            <a:ext cx="13249656" cy="1453896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694944" y="923544"/>
            <a:ext cx="13249656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694944" y="5760720"/>
            <a:ext cx="4379976" cy="384048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694944" y="7232904"/>
            <a:ext cx="13249656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694944" y="6199632"/>
            <a:ext cx="5989320" cy="969264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694944" y="7448897"/>
            <a:ext cx="10442448" cy="217239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704088" y="5760720"/>
            <a:ext cx="4379976" cy="384048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694944" y="1691640"/>
            <a:ext cx="13249656" cy="251460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1045867610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4151376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239512" y="2231136"/>
            <a:ext cx="4151376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9793224" y="2231136"/>
            <a:ext cx="4151376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565573904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029968"/>
            <a:ext cx="13249656" cy="1380744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3803904"/>
            <a:ext cx="13249656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94944" y="5586984"/>
            <a:ext cx="13249656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2602224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029968"/>
            <a:ext cx="6227064" cy="1380744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380390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94944" y="558698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17536" y="2029968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717536" y="380390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717536" y="558698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8434012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4151376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239512" y="2231136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9793224" y="2231136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694944" y="4892040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239512" y="4892040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9793224" y="4892040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78069883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3108960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069080" y="2231136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452360" y="2231136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10826496" y="2231136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694944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4069080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7452360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10826496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74417579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694944" y="1408176"/>
            <a:ext cx="13249656" cy="384048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694944" y="2231136"/>
            <a:ext cx="3191256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4526280" y="2231136"/>
            <a:ext cx="9418320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4206240" y="2231136"/>
            <a:ext cx="0" cy="4745736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91115363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4630400" cy="8229600"/>
          </a:xfr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871216"/>
            <a:ext cx="13085065" cy="1188720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6099048"/>
            <a:ext cx="14639544" cy="1124712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66344" y="3502152"/>
            <a:ext cx="12609576" cy="384048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466344" y="3099816"/>
            <a:ext cx="12609576" cy="420624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321477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329184" y="274320"/>
            <a:ext cx="13990320" cy="7680960"/>
          </a:xfr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329184" y="3145536"/>
            <a:ext cx="13085065" cy="1188720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329184" y="6373368"/>
            <a:ext cx="14008608" cy="1124712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3785616"/>
            <a:ext cx="12609576" cy="384048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795528" y="3364992"/>
            <a:ext cx="12609576" cy="420624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88047911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484632" y="1197864"/>
            <a:ext cx="4297680" cy="4700016"/>
          </a:xfr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5157216" y="1197864"/>
            <a:ext cx="4297680" cy="4700016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9838944" y="1197864"/>
            <a:ext cx="4297680" cy="4700016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12408408" y="841248"/>
            <a:ext cx="1609344" cy="27432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484632" y="6007608"/>
            <a:ext cx="13651992" cy="356616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006689472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13249656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7259003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694944" y="1911096"/>
            <a:ext cx="13249656" cy="507492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07729026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717536" y="2231136"/>
            <a:ext cx="6227064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34496296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717536" y="2231136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717536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87304935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694944" y="484632"/>
            <a:ext cx="13249656" cy="722376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694944" y="1837944"/>
            <a:ext cx="13249656" cy="5321808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0160" lvl="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 dirty="0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dirty="0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dirty="0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 dirty="0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 dirty="0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694944" y="1307592"/>
            <a:ext cx="13249656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3502152" y="484632"/>
            <a:ext cx="10442448" cy="228600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700" b="0" i="0" cap="all" spc="210" dirty="0">
              <a:solidFill>
                <a:schemeClr val="tx2"/>
              </a:solidFill>
              <a:latin typeface="AmplitudeTF" panose="02000506050000020004" pitchFamily="50" charset="0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3502152" y="265176"/>
            <a:ext cx="10442448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US" sz="7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694944" y="463314"/>
            <a:ext cx="65" cy="13407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850" b="0" i="0" dirty="0">
              <a:solidFill>
                <a:schemeClr val="bg2"/>
              </a:solidFill>
              <a:latin typeface="AmplitudeTF" panose="02000506050000020004" pitchFamily="50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694944" y="7644384"/>
            <a:ext cx="2660904" cy="1280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US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E04939D2-9709-4FC1-95F4-46366AAC84CB}"/>
              </a:ext>
            </a:extLst>
          </p:cNvPr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10632094" y="7443216"/>
            <a:ext cx="3303362" cy="222199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mplitudeTF" panose="02000506050000020004" pitchFamily="50" charset="0"/>
          <a:ea typeface="+mj-ea"/>
          <a:cs typeface="+mj-cs"/>
        </a:defRPr>
      </a:lvl1pPr>
    </p:titleStyle>
    <p:bodyStyle>
      <a:lvl1pPr marL="10160" indent="-6985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1pPr>
      <a:lvl2pPr marL="210312" indent="-182880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2pPr>
      <a:lvl3pPr marL="384048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3pPr>
      <a:lvl4pPr marL="557784" indent="-219456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4pPr>
      <a:lvl5pPr marL="73152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0.xml"/><Relationship Id="rId5" Type="http://schemas.openxmlformats.org/officeDocument/2006/relationships/image" Target="../media/image9.png"/><Relationship Id="rId4" Type="http://schemas.openxmlformats.org/officeDocument/2006/relationships/image" Target="../media/image8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1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6.xml"/><Relationship Id="rId1" Type="http://schemas.openxmlformats.org/officeDocument/2006/relationships/tags" Target="../tags/tag1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4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5.xml"/><Relationship Id="rId4" Type="http://schemas.openxmlformats.org/officeDocument/2006/relationships/image" Target="../media/image5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6.xml"/><Relationship Id="rId4" Type="http://schemas.openxmlformats.org/officeDocument/2006/relationships/image" Target="../media/image6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7.xml"/><Relationship Id="rId4" Type="http://schemas.openxmlformats.org/officeDocument/2006/relationships/image" Target="../media/image7.jp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8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>
            <a:extLst>
              <a:ext uri="{FF2B5EF4-FFF2-40B4-BE49-F238E27FC236}">
                <a16:creationId xmlns:a16="http://schemas.microsoft.com/office/drawing/2014/main" id="{613DFCDA-B134-4FD3-AC88-38EECE75E279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9866375" y="7443216"/>
            <a:ext cx="4078225" cy="27432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D9C69B3C-6573-4BA0-BDF3-5CB1317114F7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5125212" y="4756685"/>
            <a:ext cx="4379976" cy="384048"/>
          </a:xfrm>
        </p:spPr>
        <p:txBody>
          <a:bodyPr/>
          <a:lstStyle/>
          <a:p>
            <a:pPr algn="ctr"/>
            <a:r>
              <a:rPr lang="en-US" sz="2800" dirty="0"/>
              <a:t>Data For Good 2025</a:t>
            </a:r>
          </a:p>
        </p:txBody>
      </p:sp>
      <p:pic>
        <p:nvPicPr>
          <p:cNvPr id="3" name="Picture 2" descr="A black background with white text&#10;&#10;AI-generated content may be incorrect.">
            <a:extLst>
              <a:ext uri="{FF2B5EF4-FFF2-40B4-BE49-F238E27FC236}">
                <a16:creationId xmlns:a16="http://schemas.microsoft.com/office/drawing/2014/main" id="{E913A11D-3E5F-541C-5495-E00204E73B4B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683779" y="2546096"/>
            <a:ext cx="7121069" cy="208381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96586761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41B3FFB-609D-6842-33C4-441747FB7E0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8D5D803F-C22A-A0D3-4865-E0F922A8B5E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Challenge 2: An effective matching algorithm</a:t>
            </a:r>
          </a:p>
        </p:txBody>
      </p:sp>
      <p:sp>
        <p:nvSpPr>
          <p:cNvPr id="2" name="Content Placeholder 2">
            <a:extLst>
              <a:ext uri="{FF2B5EF4-FFF2-40B4-BE49-F238E27FC236}">
                <a16:creationId xmlns:a16="http://schemas.microsoft.com/office/drawing/2014/main" id="{C1B26161-B236-4086-97B1-22B81C06F9AC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41932"/>
            <a:ext cx="13249656" cy="4745736"/>
          </a:xfrm>
        </p:spPr>
        <p:txBody>
          <a:bodyPr/>
          <a:lstStyle/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2AE66574-1074-A73B-EF08-FFAE411491EF}"/>
              </a:ext>
            </a:extLst>
          </p:cNvPr>
          <p:cNvSpPr txBox="1">
            <a:spLocks/>
          </p:cNvSpPr>
          <p:nvPr/>
        </p:nvSpPr>
        <p:spPr>
          <a:xfrm>
            <a:off x="694944" y="1792628"/>
            <a:ext cx="13249656" cy="5482111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175" indent="0"/>
            <a:r>
              <a:rPr lang="en-US" sz="2400" b="1" dirty="0"/>
              <a:t>Model Performance (Random Forest): </a:t>
            </a:r>
            <a:r>
              <a:rPr lang="en-US" sz="2400" dirty="0"/>
              <a:t>75%</a:t>
            </a:r>
          </a:p>
          <a:p>
            <a:pPr marL="3175" indent="0"/>
            <a:endParaRPr lang="en-US" sz="2400" dirty="0"/>
          </a:p>
          <a:p>
            <a:pPr marL="3175" indent="0" algn="ctr"/>
            <a:endParaRPr lang="en-US" sz="2400" b="1" dirty="0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E3BF3AA3-673D-ED66-5747-AB64F1DC49C1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09227" y="2199805"/>
            <a:ext cx="7325114" cy="4446654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C8F643D2-B54B-7924-0755-20880BA0B11B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020058" y="2401400"/>
            <a:ext cx="5838825" cy="479107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641111208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57D0D89-065E-CF5C-A564-52CD65D744A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75DEEAE3-4606-94F7-F865-7AB6D08CCA8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Next Steps</a:t>
            </a:r>
          </a:p>
        </p:txBody>
      </p:sp>
      <p:sp>
        <p:nvSpPr>
          <p:cNvPr id="2" name="Content Placeholder 2">
            <a:extLst>
              <a:ext uri="{FF2B5EF4-FFF2-40B4-BE49-F238E27FC236}">
                <a16:creationId xmlns:a16="http://schemas.microsoft.com/office/drawing/2014/main" id="{32889E3B-C085-B02F-9B57-A508E23EE31A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41932"/>
            <a:ext cx="13249656" cy="4745736"/>
          </a:xfrm>
        </p:spPr>
        <p:txBody>
          <a:bodyPr numCol="1"/>
          <a:lstStyle/>
          <a:p>
            <a:pPr marL="3175" indent="0" algn="ctr"/>
            <a:r>
              <a:rPr lang="en-US" sz="2800" b="1" dirty="0"/>
              <a:t>Improved data collection</a:t>
            </a:r>
          </a:p>
          <a:p>
            <a:pPr marL="346075" indent="-342900" algn="ctr">
              <a:buFont typeface="Arial" panose="020B0604020202020204" pitchFamily="34" charset="0"/>
              <a:buChar char="•"/>
            </a:pPr>
            <a:r>
              <a:rPr lang="en-US" sz="2800" dirty="0"/>
              <a:t>Meetings remote or in person</a:t>
            </a:r>
          </a:p>
          <a:p>
            <a:pPr marL="346075" indent="-342900" algn="ctr">
              <a:buFont typeface="Arial" panose="020B0604020202020204" pitchFamily="34" charset="0"/>
              <a:buChar char="•"/>
            </a:pPr>
            <a:r>
              <a:rPr lang="en-US" sz="2800" dirty="0"/>
              <a:t>Age </a:t>
            </a:r>
          </a:p>
          <a:p>
            <a:pPr marL="346075" indent="-342900" algn="ctr">
              <a:buFont typeface="Arial" panose="020B0604020202020204" pitchFamily="34" charset="0"/>
              <a:buChar char="•"/>
            </a:pPr>
            <a:r>
              <a:rPr lang="en-US" sz="2800" dirty="0"/>
              <a:t>Location</a:t>
            </a:r>
          </a:p>
          <a:p>
            <a:pPr marL="346075" indent="-342900" algn="ctr">
              <a:buFont typeface="Arial" panose="020B0604020202020204" pitchFamily="34" charset="0"/>
              <a:buChar char="•"/>
            </a:pPr>
            <a:r>
              <a:rPr lang="en-US" sz="2800" dirty="0"/>
              <a:t> In-between distance</a:t>
            </a:r>
          </a:p>
          <a:p>
            <a:pPr marL="346075" indent="-342900" algn="ctr">
              <a:buFont typeface="Arial" panose="020B0604020202020204" pitchFamily="34" charset="0"/>
              <a:buChar char="•"/>
            </a:pPr>
            <a:r>
              <a:rPr lang="en-US" sz="2800" dirty="0"/>
              <a:t>Updated form</a:t>
            </a:r>
          </a:p>
          <a:p>
            <a:pPr marL="346075" indent="-342900" algn="ctr">
              <a:buFont typeface="Arial" panose="020B0604020202020204" pitchFamily="34" charset="0"/>
              <a:buChar char="•"/>
            </a:pPr>
            <a:r>
              <a:rPr lang="en-US" sz="2800" dirty="0"/>
              <a:t>Reward mechanisms for mentors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endParaRPr lang="en-US" sz="2800" dirty="0"/>
          </a:p>
          <a:p>
            <a:pPr marL="346075" indent="-342900">
              <a:buFont typeface="Arial" panose="020B0604020202020204" pitchFamily="34" charset="0"/>
              <a:buChar char="•"/>
            </a:pPr>
            <a:endParaRPr lang="en-US" sz="2800" dirty="0"/>
          </a:p>
          <a:p>
            <a:pPr marL="3175" indent="0" algn="ctr"/>
            <a:endParaRPr lang="en-US" sz="2800" b="1" dirty="0"/>
          </a:p>
          <a:p>
            <a:pPr marL="3175" indent="0"/>
            <a:endParaRPr lang="en-US" sz="2800" dirty="0"/>
          </a:p>
          <a:p>
            <a:pPr marL="3175" indent="0"/>
            <a:endParaRPr lang="en-US" sz="2400" b="1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851119986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0">
            <a:extLst>
              <a:ext uri="{FF2B5EF4-FFF2-40B4-BE49-F238E27FC236}">
                <a16:creationId xmlns:a16="http://schemas.microsoft.com/office/drawing/2014/main" id="{54944536-53CE-4B7C-A578-2A21EDB86A20}"/>
              </a:ext>
            </a:extLst>
          </p:cNvPr>
          <p:cNvSpPr>
            <a:spLocks noGrp="1"/>
          </p:cNvSpPr>
          <p:nvPr>
            <p:ph type="title" idx="10"/>
          </p:nvPr>
        </p:nvSpPr>
        <p:spPr>
          <a:xfrm>
            <a:off x="775810" y="5503009"/>
            <a:ext cx="13249656" cy="1453896"/>
          </a:xfrm>
        </p:spPr>
        <p:txBody>
          <a:bodyPr/>
          <a:lstStyle/>
          <a:p>
            <a:r>
              <a:rPr lang="en-US" sz="4400" dirty="0"/>
              <a:t>Questions?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86891261-F9D4-4BBF-B492-D02729A70A28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9866375" y="7443216"/>
            <a:ext cx="4078225" cy="27432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5698327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A3F9D42-09F9-4128-BD21-B64DD12151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Executive Summary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99634472-CBCD-4544-8F79-C3F7BD0F67F1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41932"/>
            <a:ext cx="13249656" cy="4745736"/>
          </a:xfrm>
        </p:spPr>
        <p:txBody>
          <a:bodyPr/>
          <a:lstStyle/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2400" dirty="0"/>
              <a:t>Check in on each student-mentor pair within </a:t>
            </a:r>
            <a:r>
              <a:rPr lang="en-US" sz="2400" b="1" dirty="0"/>
              <a:t>50 days</a:t>
            </a:r>
            <a:r>
              <a:rPr lang="en-US" sz="2400" dirty="0"/>
              <a:t> of starting the mentorship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endParaRPr lang="en-US" sz="2400" dirty="0"/>
          </a:p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2400" dirty="0"/>
              <a:t>Offer study support to each mentee over the </a:t>
            </a:r>
            <a:r>
              <a:rPr lang="en-US" sz="2400" b="1" dirty="0"/>
              <a:t>Christmas period</a:t>
            </a:r>
            <a:r>
              <a:rPr lang="en-US" sz="2400" dirty="0"/>
              <a:t>, even if the mentee only requires “professional” help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endParaRPr lang="en-US" sz="2400" dirty="0"/>
          </a:p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2400" dirty="0"/>
              <a:t>Recommend that mentees meet their mentors </a:t>
            </a:r>
            <a:r>
              <a:rPr lang="en-US" sz="2400" b="1" dirty="0"/>
              <a:t>at least once a week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endParaRPr lang="en-US" sz="2400" b="1" dirty="0"/>
          </a:p>
          <a:p>
            <a:pPr marL="346075" indent="-342900">
              <a:buFont typeface="Arial" panose="020B0604020202020204" pitchFamily="34" charset="0"/>
              <a:buChar char="•"/>
            </a:pPr>
            <a:r>
              <a:rPr lang="en-US" sz="2400" dirty="0"/>
              <a:t>Provide extra support to students studying: </a:t>
            </a:r>
            <a:r>
              <a:rPr lang="en-US" sz="2400" b="1" dirty="0"/>
              <a:t>Political Science, Art &amp; Design, and International Relations</a:t>
            </a:r>
          </a:p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80565319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58477238-D26E-4D3C-9D7F-0CE07F0BACD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Challenge 1: How to monitor and act on mentee falloff?</a:t>
            </a:r>
          </a:p>
        </p:txBody>
      </p:sp>
      <p:sp>
        <p:nvSpPr>
          <p:cNvPr id="2" name="Content Placeholder 2">
            <a:extLst>
              <a:ext uri="{FF2B5EF4-FFF2-40B4-BE49-F238E27FC236}">
                <a16:creationId xmlns:a16="http://schemas.microsoft.com/office/drawing/2014/main" id="{E457E42A-1345-5B1C-710C-8BD8D031BCE8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92629"/>
            <a:ext cx="13249656" cy="4745736"/>
          </a:xfrm>
        </p:spPr>
        <p:txBody>
          <a:bodyPr/>
          <a:lstStyle/>
          <a:p>
            <a:pPr marL="3175" indent="0" algn="ctr"/>
            <a:r>
              <a:rPr lang="en-US" sz="2400" b="1" dirty="0"/>
              <a:t>Why are mentees disengaging?</a:t>
            </a:r>
          </a:p>
          <a:p>
            <a:pPr marL="3175" indent="0"/>
            <a:r>
              <a:rPr lang="en-US" sz="2400" b="1" dirty="0"/>
              <a:t>Insight 1:</a:t>
            </a:r>
            <a:r>
              <a:rPr lang="en-US" sz="2400" dirty="0"/>
              <a:t> Pairing score and Mentee engagement are not indicative of whether individuals in the mentorship programme will last.</a:t>
            </a:r>
            <a:endParaRPr lang="en-US" sz="2400" b="1" dirty="0"/>
          </a:p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r>
              <a:rPr lang="en-US" sz="2400" b="1" dirty="0"/>
              <a:t>So what is making them disengage?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CDE6D219-70F3-B17F-094E-BC27FC6A131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443134" y="3470051"/>
            <a:ext cx="12192000" cy="183832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90402061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721E569-C7DB-8836-1DAF-36E74A4ABE7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7FA9C4AB-45A5-59C3-A134-B44FF2F736E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Challenge 1: How to monitor and act on mentee falloff?</a:t>
            </a:r>
          </a:p>
        </p:txBody>
      </p:sp>
      <p:sp>
        <p:nvSpPr>
          <p:cNvPr id="2" name="Content Placeholder 2">
            <a:extLst>
              <a:ext uri="{FF2B5EF4-FFF2-40B4-BE49-F238E27FC236}">
                <a16:creationId xmlns:a16="http://schemas.microsoft.com/office/drawing/2014/main" id="{F8EF5124-DB89-501D-93D2-49D40B96B42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41932"/>
            <a:ext cx="13249656" cy="4745736"/>
          </a:xfrm>
        </p:spPr>
        <p:txBody>
          <a:bodyPr/>
          <a:lstStyle/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08221FF6-A615-76ED-40F1-BBA6CD675B9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514034" y="1548614"/>
            <a:ext cx="8553282" cy="4944866"/>
          </a:xfrm>
          <a:prstGeom prst="rect">
            <a:avLst/>
          </a:prstGeom>
        </p:spPr>
      </p:pic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9DAEC40D-82EA-8868-F7BB-EC27A69617F5}"/>
              </a:ext>
            </a:extLst>
          </p:cNvPr>
          <p:cNvSpPr txBox="1">
            <a:spLocks/>
          </p:cNvSpPr>
          <p:nvPr/>
        </p:nvSpPr>
        <p:spPr>
          <a:xfrm>
            <a:off x="694944" y="1792628"/>
            <a:ext cx="13249656" cy="5482111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r>
              <a:rPr lang="en-US" sz="2400" b="1" dirty="0" err="1"/>
              <a:t>Reccomendation</a:t>
            </a:r>
            <a:r>
              <a:rPr lang="en-US" sz="2400" b="1" dirty="0"/>
              <a:t>: </a:t>
            </a:r>
            <a:r>
              <a:rPr lang="en-US" sz="2400" dirty="0"/>
              <a:t>Check in on each student-mentor pair within </a:t>
            </a:r>
            <a:r>
              <a:rPr lang="en-US" sz="2400" b="1" dirty="0"/>
              <a:t>50 days</a:t>
            </a:r>
            <a:r>
              <a:rPr lang="en-US" sz="2400" dirty="0"/>
              <a:t> of starting the mentorship</a:t>
            </a:r>
          </a:p>
          <a:p>
            <a:pPr marL="3175" indent="0" algn="ctr"/>
            <a:endParaRPr lang="en-US" sz="2400" b="1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17866698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338BF37-017E-5FF4-1D3C-3D528AD67E3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636B3542-A876-6AE0-4529-3DEEC92F3BA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Challenge 1: How to monitor and act on mentee falloff?</a:t>
            </a:r>
          </a:p>
        </p:txBody>
      </p:sp>
      <p:sp>
        <p:nvSpPr>
          <p:cNvPr id="2" name="Content Placeholder 2">
            <a:extLst>
              <a:ext uri="{FF2B5EF4-FFF2-40B4-BE49-F238E27FC236}">
                <a16:creationId xmlns:a16="http://schemas.microsoft.com/office/drawing/2014/main" id="{1B4C697E-98CB-5EE8-1D52-22AB7F55391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41932"/>
            <a:ext cx="13249656" cy="4745736"/>
          </a:xfrm>
        </p:spPr>
        <p:txBody>
          <a:bodyPr/>
          <a:lstStyle/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61927755-5B63-5E2D-2EF5-0F6FCE36A3EE}"/>
              </a:ext>
            </a:extLst>
          </p:cNvPr>
          <p:cNvSpPr txBox="1">
            <a:spLocks/>
          </p:cNvSpPr>
          <p:nvPr/>
        </p:nvSpPr>
        <p:spPr>
          <a:xfrm>
            <a:off x="694944" y="1792628"/>
            <a:ext cx="13249656" cy="5482111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r>
              <a:rPr lang="en-US" sz="2400" b="1" dirty="0"/>
              <a:t>Recommendation: </a:t>
            </a:r>
            <a:r>
              <a:rPr lang="en-US" sz="2400" dirty="0"/>
              <a:t>Offer study support to each mentee over the </a:t>
            </a:r>
            <a:r>
              <a:rPr lang="en-US" sz="2400" b="1" dirty="0"/>
              <a:t>Christmas period</a:t>
            </a:r>
            <a:r>
              <a:rPr lang="en-US" sz="2400" dirty="0"/>
              <a:t>, even if the mentee only requires “professional” help</a:t>
            </a:r>
          </a:p>
          <a:p>
            <a:pPr marL="3175" indent="0" algn="ctr"/>
            <a:r>
              <a:rPr lang="en-US" sz="2400" b="1" dirty="0"/>
              <a:t> 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FF7B902C-C91D-D9B5-B9C0-409A1C61001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416648" y="1675869"/>
            <a:ext cx="9467919" cy="4676809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63579797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EE035E2-96A5-F388-60C7-7490877D750F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224A36A9-3FD4-33B6-D031-7BBD219BB9F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Challenge 1: How to monitor and act on mentee falloff?</a:t>
            </a:r>
          </a:p>
        </p:txBody>
      </p:sp>
      <p:sp>
        <p:nvSpPr>
          <p:cNvPr id="2" name="Content Placeholder 2">
            <a:extLst>
              <a:ext uri="{FF2B5EF4-FFF2-40B4-BE49-F238E27FC236}">
                <a16:creationId xmlns:a16="http://schemas.microsoft.com/office/drawing/2014/main" id="{8C25E9E2-FC67-890F-52E3-4FC9E174979E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41932"/>
            <a:ext cx="13249656" cy="4745736"/>
          </a:xfrm>
        </p:spPr>
        <p:txBody>
          <a:bodyPr/>
          <a:lstStyle/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C6A7D565-5AF8-D562-69D7-44DDE8424649}"/>
              </a:ext>
            </a:extLst>
          </p:cNvPr>
          <p:cNvSpPr txBox="1">
            <a:spLocks/>
          </p:cNvSpPr>
          <p:nvPr/>
        </p:nvSpPr>
        <p:spPr>
          <a:xfrm>
            <a:off x="694944" y="1792628"/>
            <a:ext cx="13249656" cy="5482111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/>
            <a:endParaRPr lang="en-US" sz="2400" b="1" dirty="0"/>
          </a:p>
          <a:p>
            <a:pPr marL="3175" indent="0"/>
            <a:r>
              <a:rPr lang="en-US" sz="2400" b="1" dirty="0"/>
              <a:t>Recommendation: </a:t>
            </a:r>
            <a:r>
              <a:rPr lang="en-US" sz="2400" dirty="0"/>
              <a:t>Recommend that mentees meet their mentors </a:t>
            </a:r>
            <a:r>
              <a:rPr lang="en-US" sz="2400" b="1" dirty="0"/>
              <a:t>at least once a week</a:t>
            </a:r>
          </a:p>
          <a:p>
            <a:pPr marL="3175" indent="0" algn="ctr"/>
            <a:r>
              <a:rPr lang="en-US" sz="2400" b="1" dirty="0"/>
              <a:t> 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D190C34F-D43A-6A5D-2D40-DCC49CD4A349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57004" y="2326651"/>
            <a:ext cx="13316392" cy="3329098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96723217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CE8D588-2AA4-FDF1-EAB6-EED4E87A11D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3DD089A6-B4C6-9C87-B711-F876D48A4CA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Challenge 1: How to monitor and act on mentee falloff?</a:t>
            </a:r>
          </a:p>
        </p:txBody>
      </p:sp>
      <p:sp>
        <p:nvSpPr>
          <p:cNvPr id="9" name="PageNumber">
            <a:extLst>
              <a:ext uri="{FF2B5EF4-FFF2-40B4-BE49-F238E27FC236}">
                <a16:creationId xmlns:a16="http://schemas.microsoft.com/office/drawing/2014/main" id="{FD2AFDCE-6B0F-EFF6-9DF6-FF928C0BA393}"/>
              </a:ext>
            </a:extLst>
          </p:cNvPr>
          <p:cNvSpPr txBox="1"/>
          <p:nvPr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US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" name="Content Placeholder 2">
            <a:extLst>
              <a:ext uri="{FF2B5EF4-FFF2-40B4-BE49-F238E27FC236}">
                <a16:creationId xmlns:a16="http://schemas.microsoft.com/office/drawing/2014/main" id="{0FF08370-C46C-81FB-26BB-31C5F05297C8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41932"/>
            <a:ext cx="13249656" cy="4745736"/>
          </a:xfrm>
        </p:spPr>
        <p:txBody>
          <a:bodyPr/>
          <a:lstStyle/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153C323D-AA09-BEFF-7CD3-E6146AA2EEAC}"/>
              </a:ext>
            </a:extLst>
          </p:cNvPr>
          <p:cNvSpPr txBox="1">
            <a:spLocks/>
          </p:cNvSpPr>
          <p:nvPr/>
        </p:nvSpPr>
        <p:spPr>
          <a:xfrm>
            <a:off x="694944" y="1792628"/>
            <a:ext cx="13249656" cy="5482111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r>
              <a:rPr lang="en-US" sz="2400" b="1" dirty="0"/>
              <a:t>Recommendation: </a:t>
            </a:r>
            <a:r>
              <a:rPr lang="en-US" sz="2400" dirty="0"/>
              <a:t>Provide extra support to students studying: </a:t>
            </a:r>
            <a:r>
              <a:rPr lang="en-US" sz="2400" b="1" dirty="0"/>
              <a:t>Political Science, Art &amp; Design, and International Relations</a:t>
            </a:r>
          </a:p>
          <a:p>
            <a:pPr marL="3175" indent="0" algn="ctr"/>
            <a:r>
              <a:rPr lang="en-US" sz="2400" b="1" dirty="0"/>
              <a:t> </a:t>
            </a:r>
          </a:p>
        </p:txBody>
      </p:sp>
      <p:pic>
        <p:nvPicPr>
          <p:cNvPr id="10" name="Picture 9" descr="A graph of a graph&#10;&#10;AI-generated content may be incorrect.">
            <a:extLst>
              <a:ext uri="{FF2B5EF4-FFF2-40B4-BE49-F238E27FC236}">
                <a16:creationId xmlns:a16="http://schemas.microsoft.com/office/drawing/2014/main" id="{A26AA07A-F19C-1C00-8BF1-50741BFE04FA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15948" y="2399242"/>
            <a:ext cx="13198503" cy="2711880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48905668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9A30692B-FAF7-2A30-7BEA-A22BF81397F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380DDEBB-246D-EF44-54D2-68AC6322CB9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Challenge 2: An effective matching algorithm</a:t>
            </a:r>
          </a:p>
        </p:txBody>
      </p:sp>
      <p:sp>
        <p:nvSpPr>
          <p:cNvPr id="2" name="Content Placeholder 2">
            <a:extLst>
              <a:ext uri="{FF2B5EF4-FFF2-40B4-BE49-F238E27FC236}">
                <a16:creationId xmlns:a16="http://schemas.microsoft.com/office/drawing/2014/main" id="{77C79816-A07E-DB08-4A76-53661E9417D5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41932"/>
            <a:ext cx="13249656" cy="4745736"/>
          </a:xfrm>
        </p:spPr>
        <p:txBody>
          <a:bodyPr/>
          <a:lstStyle/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CF7EF212-698E-2FCB-C556-69451CAA2A19}"/>
              </a:ext>
            </a:extLst>
          </p:cNvPr>
          <p:cNvSpPr txBox="1">
            <a:spLocks/>
          </p:cNvSpPr>
          <p:nvPr/>
        </p:nvSpPr>
        <p:spPr>
          <a:xfrm>
            <a:off x="694944" y="1792628"/>
            <a:ext cx="13249656" cy="5482111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r>
              <a:rPr lang="en-US" sz="2400" b="1" dirty="0"/>
              <a:t>Our main design philosophy:</a:t>
            </a:r>
          </a:p>
          <a:p>
            <a:pPr marL="3175" indent="0" algn="ctr"/>
            <a:r>
              <a:rPr lang="en-US" sz="7200" b="1" dirty="0"/>
              <a:t>INTERPRETABILITY</a:t>
            </a:r>
            <a:endParaRPr lang="en-US" sz="2800" b="1" dirty="0"/>
          </a:p>
          <a:p>
            <a:pPr marL="3175" indent="0" algn="ctr"/>
            <a:endParaRPr lang="en-US" sz="2400" b="1" dirty="0"/>
          </a:p>
          <a:p>
            <a:pPr marL="3175" indent="0" algn="ctr"/>
            <a:endParaRPr lang="en-US" sz="2400" b="1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7307501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7B184DC-DD75-635F-F62E-A920EAC99AE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148557F1-D13A-A6EF-6115-666A6B31D8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/>
              <a:t>Challenge 2</a:t>
            </a:r>
          </a:p>
        </p:txBody>
      </p:sp>
      <p:sp>
        <p:nvSpPr>
          <p:cNvPr id="9" name="PageNumber">
            <a:extLst>
              <a:ext uri="{FF2B5EF4-FFF2-40B4-BE49-F238E27FC236}">
                <a16:creationId xmlns:a16="http://schemas.microsoft.com/office/drawing/2014/main" id="{64607A4A-E13B-F18B-272B-1B8CF0864DA7}"/>
              </a:ext>
            </a:extLst>
          </p:cNvPr>
          <p:cNvSpPr txBox="1"/>
          <p:nvPr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US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" name="Content Placeholder 2">
            <a:extLst>
              <a:ext uri="{FF2B5EF4-FFF2-40B4-BE49-F238E27FC236}">
                <a16:creationId xmlns:a16="http://schemas.microsoft.com/office/drawing/2014/main" id="{A9105A1E-B315-CC94-3939-58C5647E1F6B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741932"/>
            <a:ext cx="13249656" cy="4745736"/>
          </a:xfrm>
        </p:spPr>
        <p:txBody>
          <a:bodyPr/>
          <a:lstStyle/>
          <a:p>
            <a:pPr marL="346075" indent="-342900">
              <a:buFont typeface="Arial" panose="020B0604020202020204" pitchFamily="34" charset="0"/>
              <a:buChar char="•"/>
            </a:pPr>
            <a:endParaRPr lang="en-US" sz="2000" dirty="0"/>
          </a:p>
          <a:p>
            <a:pPr marL="3175" indent="0"/>
            <a:endParaRPr lang="en-US" sz="2000" dirty="0"/>
          </a:p>
          <a:p>
            <a:pPr marL="3175" indent="0"/>
            <a:endParaRPr lang="en-US" sz="2000" dirty="0"/>
          </a:p>
          <a:p>
            <a:pPr marL="3175" indent="0" algn="ctr"/>
            <a:endParaRPr lang="en-US" sz="2400" b="1" dirty="0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42E58C67-03D1-E935-15B4-BF0E16828E1C}"/>
              </a:ext>
            </a:extLst>
          </p:cNvPr>
          <p:cNvSpPr txBox="1">
            <a:spLocks/>
          </p:cNvSpPr>
          <p:nvPr/>
        </p:nvSpPr>
        <p:spPr>
          <a:xfrm>
            <a:off x="694944" y="1792628"/>
            <a:ext cx="13249656" cy="5482111"/>
          </a:xfrm>
          <a:prstGeom prst="rect">
            <a:avLst/>
          </a:prstGeom>
        </p:spPr>
        <p:txBody>
          <a:bodyPr vert="horz" wrap="square" lIns="91440" tIns="36576" rIns="36576" bIns="36576" rtlCol="0" anchor="ctr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175" indent="0" algn="ctr"/>
            <a:r>
              <a:rPr lang="en-US" sz="13800" b="1" dirty="0"/>
              <a:t>DEMO</a:t>
            </a:r>
            <a:endParaRPr lang="en-US" sz="4800" b="1" dirty="0"/>
          </a:p>
          <a:p>
            <a:pPr marL="3175" indent="0" algn="ctr"/>
            <a:endParaRPr lang="en-US" sz="2400" b="1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76453882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SLIDEMASTERBRANDLOGORIGHT" val="1097.28"/>
  <p:tag name="SLIDEMASTERBRANDLOGOBOTTOM" val="609.84"/>
  <p:tag name="SLIDEMASTERBRANDLOGOHEIGHT" val="23.76"/>
  <p:tag name="SLIDEMASTERBRANDLOGOWIDTH" val="149.76"/>
  <p:tag name="ISUNDOENTRY" val=""/>
  <p:tag name="ISROOTUNDO" val=""/>
  <p:tag name="SKIPCONVERSIONCHECK" val="true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"/>
  <p:tag name="PITCHPROSLIDECOUNT" val="1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66998ae4-c72a-4910-830f-a194e805f562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7"/>
  <p:tag name="PRESENTATIONID" val="66998ae4-c72a-4910-830f-a194e805f562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Widescreen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cb4997ae-3b18-411f-bcf7-f1ad5b3259da.potx" id="{205D6587-0B03-4059-BA7D-8505E7700609}" vid="{FD09AA67-3802-45A4-B006-1DE72A73D904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?mso-contentType ?>
<spe:Receivers xmlns:spe="http://schemas.microsoft.com/sharepoint/events">
  <Receiver>
    <Name/>
    <Synchronization>Synchronous</Synchronization>
    <Type>1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0001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0002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3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0009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2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1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0003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9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</spe:Receiver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Record_x0020_Owner xmlns="e866b0dc-26f4-4c7c-849f-80ab9d82399c">
      <UserInfo>
        <DisplayName>Gomez, Anna X</DisplayName>
        <AccountId>43</AccountId>
        <AccountType/>
      </UserInfo>
    </Record_x0020_Owner>
    <Record_x0020_Class_x0020_Code xmlns="e866b0dc-26f4-4c7c-849f-80ab9d82399c">US: BIZ010Y</Record_x0020_Class_x0020_Code>
    <Record_x0020_Status xmlns="e866b0dc-26f4-4c7c-849f-80ab9d82399c">Work In Progress</Record_x0020_Status>
    <Record_x0020_ID xmlns="e866b0dc-26f4-4c7c-849f-80ab9d82399c">44650247</Record_x0020_ID>
    <Record_x0020_Retention_x0020_Start_x0020_Date xmlns="e866b0dc-26f4-4c7c-849f-80ab9d82399c">2020-07-02T04:00:00+00:00</Record_x0020_Retention_x0020_Start_x0020_Date>
    <Record_x0020_Class_x0020_Code_x0020_Local xmlns="e866b0dc-26f4-4c7c-849f-80ab9d82399c">BIZ010Y</Record_x0020_Class_x0020_Code_x0020_Local>
    <Record_x0020_Retention_x0020_End_x0020_Date xmlns="e866b0dc-26f4-4c7c-849f-80ab9d82399c">2030-07-02T04:00:00+00:00</Record_x0020_Retention_x0020_End_x0020_Date>
    <Record_x0020_Legal_x0020_Hold xmlns="e866b0dc-26f4-4c7c-849f-80ab9d82399c">false</Record_x0020_Legal_x0020_Hold>
    <Record_x0020_Class_x0020_Code_x0020_Country xmlns="e866b0dc-26f4-4c7c-849f-80ab9d82399c">United States</Record_x0020_Class_x0020_Code_x0020_Country>
    <Record_x0020_Retention_x0020_Type xmlns="e866b0dc-26f4-4c7c-849f-80ab9d82399c">Flat</Record_x0020_Retention_x0020_Type>
  </documentManagement>
</p:properties>
</file>

<file path=customXml/item4.xml><?xml version="1.0" encoding="utf-8"?>
<ct:contentTypeSchema xmlns:ct="http://schemas.microsoft.com/office/2006/metadata/contentType" xmlns:ma="http://schemas.microsoft.com/office/2006/metadata/properties/metaAttributes" ct:_="" ma:_="" ma:contentTypeName="JPMC Record" ma:contentTypeID="0x010100B04218B855DC944F9A559450E98DF04000317D809B83BE644EAD5526593C665108" ma:contentTypeVersion="31" ma:contentTypeDescription="Create a new record in this library." ma:contentTypeScope="" ma:versionID="752c062eb46aa0087d6ec522779f9eed">
  <xsd:schema xmlns:xsd="http://www.w3.org/2001/XMLSchema" xmlns:xs="http://www.w3.org/2001/XMLSchema" xmlns:p="http://schemas.microsoft.com/office/2006/metadata/properties" xmlns:ns2="e866b0dc-26f4-4c7c-849f-80ab9d82399c" targetNamespace="http://schemas.microsoft.com/office/2006/metadata/properties" ma:root="true" ma:fieldsID="7ce0083acf7428bf39a8e1bfd29665f3" ns2:_="">
    <xsd:import namespace="e866b0dc-26f4-4c7c-849f-80ab9d82399c"/>
    <xsd:element name="properties">
      <xsd:complexType>
        <xsd:sequence>
          <xsd:element name="documentManagement">
            <xsd:complexType>
              <xsd:all>
                <xsd:element ref="ns2:Record_x0020_ID" minOccurs="0"/>
                <xsd:element ref="ns2:Record_x0020_Status" minOccurs="0"/>
                <xsd:element ref="ns2:Record_x0020_Class_x0020_Code" minOccurs="0"/>
                <xsd:element ref="ns2:Record_x0020_Class_x0020_Code_x0020_Country" minOccurs="0"/>
                <xsd:element ref="ns2:Record_x0020_Class_x0020_Code_x0020_Local" minOccurs="0"/>
                <xsd:element ref="ns2:Record_x0020_Owner" minOccurs="0"/>
                <xsd:element ref="ns2:Record_x0020_Finalized_x0020_By" minOccurs="0"/>
                <xsd:element ref="ns2:Record_x0020_Finalized_x0020_On" minOccurs="0"/>
                <xsd:element ref="ns2:Record_x0020_Retention_x0020_Type" minOccurs="0"/>
                <xsd:element ref="ns2:Record_x0020_Retention_x0020_Start_x0020_Date" minOccurs="0"/>
                <xsd:element ref="ns2:Record_x0020_Retention_x0020_End_x0020_Date" minOccurs="0"/>
                <xsd:element ref="ns2:Record_x0020_Legal_x0020_Hold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e866b0dc-26f4-4c7c-849f-80ab9d82399c" elementFormDefault="qualified">
    <xsd:import namespace="http://schemas.microsoft.com/office/2006/documentManagement/types"/>
    <xsd:import namespace="http://schemas.microsoft.com/office/infopath/2007/PartnerControls"/>
    <xsd:element name="Record_x0020_ID" ma:index="8" nillable="true" ma:displayName="Record ID" ma:description="Record ID" ma:internalName="Record_x0020_ID" ma:readOnly="true">
      <xsd:simpleType>
        <xsd:restriction base="dms:Unknown"/>
      </xsd:simpleType>
    </xsd:element>
    <xsd:element name="Record_x0020_Status" ma:index="9" nillable="true" ma:displayName="Record Status" ma:description="Record Status" ma:internalName="Record_x0020_Status" ma:readOnly="true">
      <xsd:simpleType>
        <xsd:restriction base="dms:Text"/>
      </xsd:simpleType>
    </xsd:element>
    <xsd:element name="Record_x0020_Class_x0020_Code" ma:index="10" nillable="true" ma:displayName="Record Class Code" ma:description="Record Class Code" ma:internalName="Record_x0020_Class_x0020_Code" ma:readOnly="true">
      <xsd:simpleType>
        <xsd:restriction base="dms:Text"/>
      </xsd:simpleType>
    </xsd:element>
    <xsd:element name="Record_x0020_Class_x0020_Code_x0020_Country" ma:index="11" nillable="true" ma:displayName="Record Class Code Country" ma:description="Record Class Code Country" ma:internalName="Record_x0020_Class_x0020_Code_x0020_Country" ma:readOnly="true">
      <xsd:simpleType>
        <xsd:restriction base="dms:Text"/>
      </xsd:simpleType>
    </xsd:element>
    <xsd:element name="Record_x0020_Class_x0020_Code_x0020_Local" ma:index="12" nillable="true" ma:displayName="Record Class Code Local" ma:description="Record Class Code Local" ma:internalName="Record_x0020_Class_x0020_Code_x0020_Local" ma:readOnly="true">
      <xsd:simpleType>
        <xsd:restriction base="dms:Text"/>
      </xsd:simpleType>
    </xsd:element>
    <xsd:element name="Record_x0020_Owner" ma:index="13" nillable="true" ma:displayName="Record Owner" ma:description="Record Owner" ma:list="UserInfo" ma:internalName="Record_x0020_Owner" ma:readOnly="true">
      <xsd:complexType>
        <xsd:complexContent>
          <xsd:extension base="dms:User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Record_x0020_Finalized_x0020_By" ma:index="14" nillable="true" ma:displayName="Record Finalized By" ma:description="Record Finalized By" ma:list="UserInfo" ma:internalName="Record_x0020_Finalized_x0020_By" ma:readOnly="true">
      <xsd:complexType>
        <xsd:complexContent>
          <xsd:extension base="dms:User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Record_x0020_Finalized_x0020_On" ma:index="15" nillable="true" ma:displayName="Record Finalized On" ma:description="Record Finalized On" ma:format="DateOnly" ma:internalName="Record_x0020_Finalized_x0020_On" ma:readOnly="true">
      <xsd:simpleType>
        <xsd:restriction base="dms:DateTime"/>
      </xsd:simpleType>
    </xsd:element>
    <xsd:element name="Record_x0020_Retention_x0020_Type" ma:index="16" nillable="true" ma:displayName="Record Retention Type" ma:description="Record Retention Type" ma:internalName="Record_x0020_Retention_x0020_Type" ma:readOnly="true">
      <xsd:simpleType>
        <xsd:restriction base="dms:Text"/>
      </xsd:simpleType>
    </xsd:element>
    <xsd:element name="Record_x0020_Retention_x0020_Start_x0020_Date" ma:index="17" nillable="true" ma:displayName="Record Retention Start Date" ma:description="Record Retention Start Date" ma:format="DateOnly" ma:internalName="Record_x0020_Retention_x0020_Start_x0020_Date" ma:readOnly="true">
      <xsd:simpleType>
        <xsd:restriction base="dms:DateTime"/>
      </xsd:simpleType>
    </xsd:element>
    <xsd:element name="Record_x0020_Retention_x0020_End_x0020_Date" ma:index="18" nillable="true" ma:displayName="Record Retention End Date" ma:description="Record Retention End Date" ma:format="DateOnly" ma:internalName="Record_x0020_Retention_x0020_End_x0020_Date" ma:readOnly="true">
      <xsd:simpleType>
        <xsd:restriction base="dms:DateTime"/>
      </xsd:simpleType>
    </xsd:element>
    <xsd:element name="Record_x0020_Legal_x0020_Hold" ma:index="19" nillable="true" ma:displayName="Record Legal Hold" ma:description="Record Legal Hold" ma:internalName="Record_x0020_Legal_x0020_Hold" ma:readOnly="true">
      <xsd:simpleType>
        <xsd:restriction base="dms:Boolean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B76D0D47-1AD2-4897-87AC-3AA99D32FBE8}">
  <ds:schemaRefs>
    <ds:schemaRef ds:uri="http://schemas.microsoft.com/sharepoint/events"/>
  </ds:schemaRefs>
</ds:datastoreItem>
</file>

<file path=customXml/itemProps2.xml><?xml version="1.0" encoding="utf-8"?>
<ds:datastoreItem xmlns:ds="http://schemas.openxmlformats.org/officeDocument/2006/customXml" ds:itemID="{C2A826EA-2FA9-426F-AEBD-A1DDAED4A33F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3F4C1B9B-0EF1-4D1C-8E72-40CD90088238}">
  <ds:schemaRefs>
    <ds:schemaRef ds:uri="http://schemas.microsoft.com/office/infopath/2007/PartnerControls"/>
    <ds:schemaRef ds:uri="http://purl.org/dc/elements/1.1/"/>
    <ds:schemaRef ds:uri="http://schemas.microsoft.com/office/2006/metadata/properties"/>
    <ds:schemaRef ds:uri="http://purl.org/dc/terms/"/>
    <ds:schemaRef ds:uri="e866b0dc-26f4-4c7c-849f-80ab9d82399c"/>
    <ds:schemaRef ds:uri="http://schemas.microsoft.com/office/2006/documentManagement/types"/>
    <ds:schemaRef ds:uri="http://schemas.openxmlformats.org/package/2006/metadata/core-properties"/>
    <ds:schemaRef ds:uri="http://www.w3.org/XML/1998/namespace"/>
    <ds:schemaRef ds:uri="http://purl.org/dc/dcmitype/"/>
  </ds:schemaRefs>
</ds:datastoreItem>
</file>

<file path=customXml/itemProps4.xml><?xml version="1.0" encoding="utf-8"?>
<ds:datastoreItem xmlns:ds="http://schemas.openxmlformats.org/officeDocument/2006/customXml" ds:itemID="{538D7EB9-BBF7-41C3-B5F0-12DADAE1B6C6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e866b0dc-26f4-4c7c-849f-80ab9d82399c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Widescreen</Template>
  <TotalTime>0</TotalTime>
  <Words>333</Words>
  <Application>Microsoft Office PowerPoint</Application>
  <PresentationFormat>Custom</PresentationFormat>
  <Paragraphs>119</Paragraphs>
  <Slides>12</Slides>
  <Notes>7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2</vt:i4>
      </vt:variant>
    </vt:vector>
  </HeadingPairs>
  <TitlesOfParts>
    <vt:vector size="17" baseType="lpstr">
      <vt:lpstr>AmplitudeTF</vt:lpstr>
      <vt:lpstr>Arial</vt:lpstr>
      <vt:lpstr>Calibri</vt:lpstr>
      <vt:lpstr>Wingdings</vt:lpstr>
      <vt:lpstr>PP+ UnifiedGIB - Widescreen</vt:lpstr>
      <vt:lpstr>PowerPoint Presentation</vt:lpstr>
      <vt:lpstr>Executive Summary</vt:lpstr>
      <vt:lpstr>Challenge 1: How to monitor and act on mentee falloff?</vt:lpstr>
      <vt:lpstr>Challenge 1: How to monitor and act on mentee falloff?</vt:lpstr>
      <vt:lpstr>Challenge 1: How to monitor and act on mentee falloff?</vt:lpstr>
      <vt:lpstr>Challenge 1: How to monitor and act on mentee falloff?</vt:lpstr>
      <vt:lpstr>Challenge 1: How to monitor and act on mentee falloff?</vt:lpstr>
      <vt:lpstr>Challenge 2: An effective matching algorithm</vt:lpstr>
      <vt:lpstr>Challenge 2</vt:lpstr>
      <vt:lpstr>Challenge 2: An effective matching algorithm</vt:lpstr>
      <vt:lpstr>Next Steps</vt:lpstr>
      <vt:lpstr>Questions?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Gomez, Anna X</dc:creator>
  <cp:lastModifiedBy>Kolicic,B (pgt)</cp:lastModifiedBy>
  <cp:revision>56</cp:revision>
  <dcterms:created xsi:type="dcterms:W3CDTF">2020-07-01T12:40:10Z</dcterms:created>
  <dcterms:modified xsi:type="dcterms:W3CDTF">2025-10-24T17:43:0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B04218B855DC944F9A559450E98DF04000317D809B83BE644EAD5526593C665108</vt:lpwstr>
  </property>
</Properties>
</file>